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529"/>
  <workbookPr/>
  <mc:AlternateContent xmlns:mc="http://schemas.openxmlformats.org/markup-compatibility/2006">
    <mc:Choice Requires="x15">
      <x15ac:absPath xmlns:x15ac="http://schemas.microsoft.com/office/spreadsheetml/2010/11/ac" url="C:\Users\dks\OneDrive - Syddansk Universitet\SUND UDD fælles\Projekter og indsatser\Nyt SUND\"/>
    </mc:Choice>
  </mc:AlternateContent>
  <xr:revisionPtr revIDLastSave="0" documentId="13_ncr:1_{E03F1066-2360-42F3-B657-173D40699EDE}" xr6:coauthVersionLast="47" xr6:coauthVersionMax="47" xr10:uidLastSave="{00000000-0000-0000-0000-000000000000}"/>
  <bookViews>
    <workbookView xWindow="-108" yWindow="-108" windowWidth="23256" windowHeight="12576" xr2:uid="{8896788D-4D17-4058-8025-1A7424B43ED5}"/>
  </bookViews>
  <sheets>
    <sheet name="Ark1" sheetId="1" r:id="rId1"/>
  </sheets>
  <definedNames>
    <definedName name="_xlnm._FilterDatabase" localSheetId="0" hidden="1">'Ark1'!$A$1:$J$45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285" uniqueCount="144">
  <si>
    <t>Rumnr</t>
  </si>
  <si>
    <t>Navn</t>
  </si>
  <si>
    <t>Gruppe</t>
  </si>
  <si>
    <t>Størrelse m2</t>
  </si>
  <si>
    <t>Personer</t>
  </si>
  <si>
    <t>Kort beskrivelse</t>
  </si>
  <si>
    <t>AV-udstyr</t>
  </si>
  <si>
    <t>Prioritet</t>
  </si>
  <si>
    <t>Bemærkning</t>
  </si>
  <si>
    <t>V18-</t>
  </si>
  <si>
    <t>608a-1</t>
  </si>
  <si>
    <t>M-1.18</t>
  </si>
  <si>
    <t>M2</t>
  </si>
  <si>
    <t>Digitalt/hybrid mødelokale</t>
  </si>
  <si>
    <t>55" skærm + Simpel meetingbar</t>
  </si>
  <si>
    <t>Indretning ikke som på tegning</t>
  </si>
  <si>
    <t>V10-</t>
  </si>
  <si>
    <t>608a-1 </t>
  </si>
  <si>
    <t>M-1.11</t>
  </si>
  <si>
    <t>M9</t>
  </si>
  <si>
    <t>Siddende møde + simpel digital/hybrid mødelokale</t>
  </si>
  <si>
    <t>75" skærm + Simpel meetingbar</t>
  </si>
  <si>
    <t>608a-2</t>
  </si>
  <si>
    <t>M-2.15</t>
  </si>
  <si>
    <t>V14-</t>
  </si>
  <si>
    <t>609a-1</t>
  </si>
  <si>
    <t>M-1.15</t>
  </si>
  <si>
    <t>M3a</t>
  </si>
  <si>
    <t>14-16</t>
  </si>
  <si>
    <t>Siddende møde.</t>
  </si>
  <si>
    <t>2 x 65" skærm + aktiv meetingbar</t>
  </si>
  <si>
    <t>V11-</t>
  </si>
  <si>
    <t>M-1.12</t>
  </si>
  <si>
    <t>609a-1  </t>
  </si>
  <si>
    <t>M-1.19</t>
  </si>
  <si>
    <t>M4</t>
  </si>
  <si>
    <t>Siddende møde/pauselokale</t>
  </si>
  <si>
    <t>Eksisterende skærm fra nuv. lokaler</t>
  </si>
  <si>
    <t>609a-2 </t>
  </si>
  <si>
    <t>M-2.16</t>
  </si>
  <si>
    <t>610a-1</t>
  </si>
  <si>
    <t>M-1.16</t>
  </si>
  <si>
    <t>Stående/siddende møde</t>
  </si>
  <si>
    <t>55" skærm</t>
  </si>
  <si>
    <t>610a-1 </t>
  </si>
  <si>
    <t>M-1.13</t>
  </si>
  <si>
    <t>610a-2 </t>
  </si>
  <si>
    <t>M-2.13</t>
  </si>
  <si>
    <t>M-2.11</t>
  </si>
  <si>
    <t>Tomrør og installation i hver ende af lokale</t>
  </si>
  <si>
    <t>V15-</t>
  </si>
  <si>
    <t>610b-1</t>
  </si>
  <si>
    <t>M-1.17</t>
  </si>
  <si>
    <t>M1a</t>
  </si>
  <si>
    <t>V12-</t>
  </si>
  <si>
    <t>M-1.14</t>
  </si>
  <si>
    <t>M1b</t>
  </si>
  <si>
    <t>Stående møde</t>
  </si>
  <si>
    <t>610b-2</t>
  </si>
  <si>
    <t>M-2.12</t>
  </si>
  <si>
    <t>Online undervisning/foredag. God lyd, billede og lys.</t>
  </si>
  <si>
    <t>Ikke fastlagt udstyr og indretning</t>
  </si>
  <si>
    <t>M-2.14</t>
  </si>
  <si>
    <t>V03-</t>
  </si>
  <si>
    <t>611b-2 </t>
  </si>
  <si>
    <t>M-2.10</t>
  </si>
  <si>
    <t>M7</t>
  </si>
  <si>
    <t>Dekan. Siddende møde +  simpel digital/hybrid mødelokale</t>
  </si>
  <si>
    <t>75" skærm + Simpel meetingbar + bordmikrofoner</t>
  </si>
  <si>
    <t>V04-</t>
  </si>
  <si>
    <t>612a-1 </t>
  </si>
  <si>
    <t>M-1.10</t>
  </si>
  <si>
    <t>M8</t>
  </si>
  <si>
    <t>IKKE FASTLAGT: Digitalt/hybrid mødelokale</t>
  </si>
  <si>
    <t>Skal aftales nærmere</t>
  </si>
  <si>
    <t>Lokalet dog ikke egnet til "super" hybrid mødelokale. Meget højt til loftet, rungende akustik mv.</t>
  </si>
  <si>
    <t>700a-1  </t>
  </si>
  <si>
    <t>M-1.24</t>
  </si>
  <si>
    <t>700a-2 </t>
  </si>
  <si>
    <t>M-2.24</t>
  </si>
  <si>
    <t>700b-1</t>
  </si>
  <si>
    <t>M-1.21</t>
  </si>
  <si>
    <t>701a-2</t>
  </si>
  <si>
    <t>M-2.21</t>
  </si>
  <si>
    <t>M5a</t>
  </si>
  <si>
    <t>Siddende møde</t>
  </si>
  <si>
    <t>85" (touch-)skærm</t>
  </si>
  <si>
    <t>701b-1</t>
  </si>
  <si>
    <t>M-1.23</t>
  </si>
  <si>
    <t>701b-2</t>
  </si>
  <si>
    <t>M-2.23</t>
  </si>
  <si>
    <t>M-1.22</t>
  </si>
  <si>
    <t>701e-2 </t>
  </si>
  <si>
    <t>M-2.22</t>
  </si>
  <si>
    <t>703c-2 </t>
  </si>
  <si>
    <t>M-2.25</t>
  </si>
  <si>
    <t>800a-1 </t>
  </si>
  <si>
    <t>M-1.31</t>
  </si>
  <si>
    <t>M3b</t>
  </si>
  <si>
    <t>65" skærm</t>
  </si>
  <si>
    <t>M-1.34</t>
  </si>
  <si>
    <t>800a-2 </t>
  </si>
  <si>
    <t>M-2.34</t>
  </si>
  <si>
    <t>801a-1 </t>
  </si>
  <si>
    <t>M-1.32</t>
  </si>
  <si>
    <t>801a-2 </t>
  </si>
  <si>
    <t>M-2.30</t>
  </si>
  <si>
    <t>801b-1</t>
  </si>
  <si>
    <t>M-1.33</t>
  </si>
  <si>
    <t>801b-2</t>
  </si>
  <si>
    <t>M-2.31</t>
  </si>
  <si>
    <t>801b-2 </t>
  </si>
  <si>
    <t>M-2.33</t>
  </si>
  <si>
    <t>801c-2</t>
  </si>
  <si>
    <t>M-2.32</t>
  </si>
  <si>
    <t>808a-1  </t>
  </si>
  <si>
    <t>M-1.41</t>
  </si>
  <si>
    <t>808a-2  </t>
  </si>
  <si>
    <t>M-2.43</t>
  </si>
  <si>
    <t>809a-2</t>
  </si>
  <si>
    <t>M-2.41</t>
  </si>
  <si>
    <t>M5b</t>
  </si>
  <si>
    <t>SUND eget mødelokale</t>
  </si>
  <si>
    <t>Udstyr flyttes fra WP</t>
  </si>
  <si>
    <t>V13-</t>
  </si>
  <si>
    <t>810a-2 </t>
  </si>
  <si>
    <t>M-2.42</t>
  </si>
  <si>
    <t>Ikke fælles mødelokale - Siddende møde.</t>
  </si>
  <si>
    <t>900a-2</t>
  </si>
  <si>
    <t>M-2.51</t>
  </si>
  <si>
    <t>918a-0 </t>
  </si>
  <si>
    <t>M10</t>
  </si>
  <si>
    <t>Dialogen - som auditorie.</t>
  </si>
  <si>
    <t>Er etableret som Zoom-rum som UV-lokale</t>
  </si>
  <si>
    <t>918a-2</t>
  </si>
  <si>
    <t>M-2.60</t>
  </si>
  <si>
    <t>M6</t>
  </si>
  <si>
    <t>Cambridge. Mødelokale + Lounge. Digitalt/hybrid mødelokale</t>
  </si>
  <si>
    <t>2 x 75" - 85" skærm + Teamsroom + tracking kamera + loftsmikrofon + højttalere</t>
  </si>
  <si>
    <t>Opmærksomhed på akustik</t>
  </si>
  <si>
    <t>7-8</t>
  </si>
  <si>
    <t>Nye mødelokaler - fælles SDU*</t>
  </si>
  <si>
    <t>* Med forbehold for ændringer</t>
  </si>
  <si>
    <t>11.august 2023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6" x14ac:knownFonts="1">
    <font>
      <sz val="11"/>
      <color theme="1"/>
      <name val="Arial"/>
      <family val="2"/>
      <scheme val="minor"/>
    </font>
    <font>
      <sz val="10"/>
      <color theme="1"/>
      <name val="Times New Roman"/>
      <family val="1"/>
    </font>
    <font>
      <sz val="11"/>
      <color theme="1"/>
      <name val="Calibri"/>
      <family val="2"/>
    </font>
    <font>
      <b/>
      <sz val="11"/>
      <color rgb="FF000000"/>
      <name val="Arial"/>
      <family val="2"/>
    </font>
    <font>
      <sz val="11"/>
      <color rgb="FF000000"/>
      <name val="Arial"/>
      <family val="2"/>
    </font>
    <font>
      <sz val="11"/>
      <color rgb="FF000000"/>
      <name val="Calibri"/>
      <family val="2"/>
    </font>
  </fonts>
  <fills count="3">
    <fill>
      <patternFill patternType="none"/>
    </fill>
    <fill>
      <patternFill patternType="gray125"/>
    </fill>
    <fill>
      <patternFill patternType="solid">
        <fgColor rgb="FFECBCBB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9">
    <xf numFmtId="0" fontId="0" fillId="0" borderId="0" xfId="0"/>
    <xf numFmtId="0" fontId="1" fillId="0" borderId="0" xfId="0" applyFont="1"/>
    <xf numFmtId="0" fontId="1" fillId="0" borderId="0" xfId="0" applyFont="1" applyAlignment="1">
      <alignment wrapText="1"/>
    </xf>
    <xf numFmtId="0" fontId="2" fillId="0" borderId="0" xfId="0" applyFont="1" applyAlignment="1">
      <alignment vertical="center"/>
    </xf>
    <xf numFmtId="0" fontId="4" fillId="0" borderId="1" xfId="0" applyFont="1" applyBorder="1" applyAlignment="1">
      <alignment vertical="center"/>
    </xf>
    <xf numFmtId="0" fontId="4" fillId="0" borderId="1" xfId="0" applyFont="1" applyBorder="1" applyAlignment="1">
      <alignment horizontal="center" vertical="center"/>
    </xf>
    <xf numFmtId="0" fontId="4" fillId="0" borderId="1" xfId="0" applyFont="1" applyBorder="1" applyAlignment="1">
      <alignment vertical="center" wrapText="1"/>
    </xf>
    <xf numFmtId="0" fontId="5" fillId="0" borderId="1" xfId="0" applyFont="1" applyBorder="1" applyAlignment="1">
      <alignment vertical="center"/>
    </xf>
    <xf numFmtId="49" fontId="4" fillId="0" borderId="1" xfId="0" applyNumberFormat="1" applyFont="1" applyBorder="1" applyAlignment="1">
      <alignment horizontal="center" vertical="center"/>
    </xf>
    <xf numFmtId="0" fontId="1" fillId="0" borderId="1" xfId="0" applyFont="1" applyBorder="1"/>
    <xf numFmtId="0" fontId="5" fillId="2" borderId="1" xfId="0" applyFont="1" applyFill="1" applyBorder="1" applyAlignment="1">
      <alignment vertical="center"/>
    </xf>
    <xf numFmtId="0" fontId="4" fillId="2" borderId="1" xfId="0" applyFont="1" applyFill="1" applyBorder="1" applyAlignment="1">
      <alignment horizontal="center" vertical="center"/>
    </xf>
    <xf numFmtId="0" fontId="4" fillId="2" borderId="1" xfId="0" applyFont="1" applyFill="1" applyBorder="1" applyAlignment="1">
      <alignment vertical="center" wrapText="1"/>
    </xf>
    <xf numFmtId="0" fontId="1" fillId="0" borderId="1" xfId="0" applyFont="1" applyBorder="1" applyAlignment="1">
      <alignment wrapText="1"/>
    </xf>
    <xf numFmtId="0" fontId="2" fillId="0" borderId="1" xfId="0" applyFont="1" applyBorder="1" applyAlignment="1">
      <alignment vertical="center" wrapText="1"/>
    </xf>
    <xf numFmtId="0" fontId="5" fillId="2" borderId="1" xfId="0" applyFont="1" applyFill="1" applyBorder="1" applyAlignment="1">
      <alignment vertical="center" wrapText="1"/>
    </xf>
    <xf numFmtId="11" fontId="5" fillId="0" borderId="1" xfId="0" applyNumberFormat="1" applyFont="1" applyBorder="1" applyAlignment="1">
      <alignment vertical="center"/>
    </xf>
    <xf numFmtId="0" fontId="3" fillId="0" borderId="0" xfId="0" applyFont="1" applyAlignment="1">
      <alignment vertical="center"/>
    </xf>
    <xf numFmtId="0" fontId="4" fillId="0" borderId="1" xfId="0" applyFont="1" applyBorder="1" applyAlignment="1">
      <alignment vertical="center"/>
    </xf>
  </cellXfs>
  <cellStyles count="1">
    <cellStyle name="Normal" xfId="0" builtinId="0"/>
  </cellStyles>
  <dxfs count="0"/>
  <tableStyles count="1" defaultTableStyle="TableStyleMedium2" defaultPivotStyle="PivotStyleLight16">
    <tableStyle name="Invisible" pivot="0" table="0" count="0" xr9:uid="{2E7F483B-2B08-4B49-B71B-F58BD2F7393B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E942774-4FA8-4DB9-ACB7-61C81F9E1DC2}">
  <dimension ref="A1:J47"/>
  <sheetViews>
    <sheetView tabSelected="1" workbookViewId="0">
      <selection activeCell="G4" sqref="G4"/>
    </sheetView>
  </sheetViews>
  <sheetFormatPr defaultRowHeight="13.8" x14ac:dyDescent="0.25"/>
  <cols>
    <col min="5" max="5" width="12.59765625" customWidth="1"/>
    <col min="6" max="6" width="13.59765625" customWidth="1"/>
    <col min="7" max="7" width="12.8984375" customWidth="1"/>
    <col min="10" max="10" width="12.19921875" customWidth="1"/>
  </cols>
  <sheetData>
    <row r="1" spans="1:10" x14ac:dyDescent="0.25">
      <c r="A1" t="s">
        <v>143</v>
      </c>
    </row>
    <row r="2" spans="1:10" x14ac:dyDescent="0.25">
      <c r="A2" s="17" t="s">
        <v>141</v>
      </c>
      <c r="B2" s="17"/>
      <c r="C2" s="17"/>
      <c r="D2" s="1"/>
      <c r="E2" s="1"/>
      <c r="F2" s="1"/>
      <c r="G2" s="2"/>
      <c r="H2" s="2"/>
      <c r="I2" s="1"/>
      <c r="J2" s="2"/>
    </row>
    <row r="3" spans="1:10" ht="27.6" x14ac:dyDescent="0.25">
      <c r="A3" s="18" t="s">
        <v>0</v>
      </c>
      <c r="B3" s="18"/>
      <c r="C3" s="4" t="s">
        <v>1</v>
      </c>
      <c r="D3" s="4" t="s">
        <v>2</v>
      </c>
      <c r="E3" s="5" t="s">
        <v>3</v>
      </c>
      <c r="F3" s="5" t="s">
        <v>4</v>
      </c>
      <c r="G3" s="6" t="s">
        <v>5</v>
      </c>
      <c r="H3" s="6" t="s">
        <v>6</v>
      </c>
      <c r="I3" s="4" t="s">
        <v>7</v>
      </c>
      <c r="J3" s="6" t="s">
        <v>8</v>
      </c>
    </row>
    <row r="4" spans="1:10" ht="69" x14ac:dyDescent="0.25">
      <c r="A4" s="7" t="s">
        <v>9</v>
      </c>
      <c r="B4" s="7" t="s">
        <v>10</v>
      </c>
      <c r="C4" s="7" t="s">
        <v>11</v>
      </c>
      <c r="D4" s="7" t="s">
        <v>12</v>
      </c>
      <c r="E4" s="5">
        <v>15</v>
      </c>
      <c r="F4" s="8" t="s">
        <v>140</v>
      </c>
      <c r="G4" s="6" t="s">
        <v>13</v>
      </c>
      <c r="H4" s="6" t="s">
        <v>14</v>
      </c>
      <c r="I4" s="9"/>
      <c r="J4" s="6" t="s">
        <v>15</v>
      </c>
    </row>
    <row r="5" spans="1:10" ht="97.2" customHeight="1" x14ac:dyDescent="0.25">
      <c r="A5" s="7" t="s">
        <v>16</v>
      </c>
      <c r="B5" s="7" t="s">
        <v>17</v>
      </c>
      <c r="C5" s="7" t="s">
        <v>18</v>
      </c>
      <c r="D5" s="7" t="s">
        <v>19</v>
      </c>
      <c r="E5" s="5">
        <v>40</v>
      </c>
      <c r="F5" s="5">
        <v>20</v>
      </c>
      <c r="G5" s="6" t="s">
        <v>20</v>
      </c>
      <c r="H5" s="6" t="s">
        <v>21</v>
      </c>
      <c r="I5" s="5"/>
      <c r="J5" s="6"/>
    </row>
    <row r="6" spans="1:10" ht="69" x14ac:dyDescent="0.25">
      <c r="A6" s="7" t="s">
        <v>9</v>
      </c>
      <c r="B6" s="7" t="s">
        <v>22</v>
      </c>
      <c r="C6" s="7" t="s">
        <v>23</v>
      </c>
      <c r="D6" s="7" t="s">
        <v>12</v>
      </c>
      <c r="E6" s="5">
        <v>15</v>
      </c>
      <c r="F6" s="8" t="s">
        <v>140</v>
      </c>
      <c r="G6" s="6" t="s">
        <v>13</v>
      </c>
      <c r="H6" s="6" t="s">
        <v>14</v>
      </c>
      <c r="I6" s="9"/>
      <c r="J6" s="6" t="s">
        <v>15</v>
      </c>
    </row>
    <row r="7" spans="1:10" ht="69" x14ac:dyDescent="0.25">
      <c r="A7" s="10" t="s">
        <v>24</v>
      </c>
      <c r="B7" s="10" t="s">
        <v>25</v>
      </c>
      <c r="C7" s="10" t="s">
        <v>26</v>
      </c>
      <c r="D7" s="10" t="s">
        <v>27</v>
      </c>
      <c r="E7" s="11">
        <v>30</v>
      </c>
      <c r="F7" s="11" t="s">
        <v>28</v>
      </c>
      <c r="G7" s="12" t="s">
        <v>29</v>
      </c>
      <c r="H7" s="12" t="s">
        <v>30</v>
      </c>
      <c r="I7" s="11">
        <v>1</v>
      </c>
      <c r="J7" s="6"/>
    </row>
    <row r="8" spans="1:10" ht="69" x14ac:dyDescent="0.25">
      <c r="A8" s="10" t="s">
        <v>31</v>
      </c>
      <c r="B8" s="10" t="s">
        <v>25</v>
      </c>
      <c r="C8" s="10" t="s">
        <v>32</v>
      </c>
      <c r="D8" s="10" t="s">
        <v>27</v>
      </c>
      <c r="E8" s="11">
        <v>30</v>
      </c>
      <c r="F8" s="11" t="s">
        <v>28</v>
      </c>
      <c r="G8" s="12" t="s">
        <v>29</v>
      </c>
      <c r="H8" s="12" t="s">
        <v>30</v>
      </c>
      <c r="I8" s="11">
        <v>1</v>
      </c>
      <c r="J8" s="13"/>
    </row>
    <row r="9" spans="1:10" ht="69" x14ac:dyDescent="0.25">
      <c r="A9" s="14" t="s">
        <v>9</v>
      </c>
      <c r="B9" s="14" t="s">
        <v>33</v>
      </c>
      <c r="C9" s="14" t="s">
        <v>34</v>
      </c>
      <c r="D9" s="7" t="s">
        <v>35</v>
      </c>
      <c r="E9" s="5">
        <v>25</v>
      </c>
      <c r="F9" s="5">
        <v>14</v>
      </c>
      <c r="G9" s="6" t="s">
        <v>36</v>
      </c>
      <c r="H9" s="6" t="s">
        <v>37</v>
      </c>
      <c r="I9" s="5"/>
      <c r="J9" s="6"/>
    </row>
    <row r="10" spans="1:10" ht="69" x14ac:dyDescent="0.25">
      <c r="A10" s="14" t="s">
        <v>9</v>
      </c>
      <c r="B10" s="14" t="s">
        <v>38</v>
      </c>
      <c r="C10" s="14" t="s">
        <v>39</v>
      </c>
      <c r="D10" s="7" t="s">
        <v>35</v>
      </c>
      <c r="E10" s="5">
        <v>25</v>
      </c>
      <c r="F10" s="5">
        <v>14</v>
      </c>
      <c r="G10" s="6" t="s">
        <v>36</v>
      </c>
      <c r="H10" s="6" t="s">
        <v>37</v>
      </c>
      <c r="I10" s="9"/>
      <c r="J10" s="13"/>
    </row>
    <row r="11" spans="1:10" ht="42" customHeight="1" x14ac:dyDescent="0.25">
      <c r="A11" s="7" t="s">
        <v>24</v>
      </c>
      <c r="B11" s="7" t="s">
        <v>40</v>
      </c>
      <c r="C11" s="7" t="s">
        <v>41</v>
      </c>
      <c r="D11" s="7" t="s">
        <v>12</v>
      </c>
      <c r="E11" s="5">
        <v>15</v>
      </c>
      <c r="F11" s="8" t="s">
        <v>140</v>
      </c>
      <c r="G11" s="6" t="s">
        <v>42</v>
      </c>
      <c r="H11" s="6" t="s">
        <v>43</v>
      </c>
      <c r="I11" s="5"/>
      <c r="J11" s="6"/>
    </row>
    <row r="12" spans="1:10" ht="42" customHeight="1" x14ac:dyDescent="0.25">
      <c r="A12" s="7" t="s">
        <v>31</v>
      </c>
      <c r="B12" s="7" t="s">
        <v>44</v>
      </c>
      <c r="C12" s="7" t="s">
        <v>45</v>
      </c>
      <c r="D12" s="7" t="s">
        <v>12</v>
      </c>
      <c r="E12" s="5">
        <v>15</v>
      </c>
      <c r="F12" s="8" t="s">
        <v>140</v>
      </c>
      <c r="G12" s="6" t="s">
        <v>42</v>
      </c>
      <c r="H12" s="6" t="s">
        <v>43</v>
      </c>
      <c r="I12" s="9"/>
      <c r="J12" s="13"/>
    </row>
    <row r="13" spans="1:10" ht="69" x14ac:dyDescent="0.25">
      <c r="A13" s="15" t="s">
        <v>24</v>
      </c>
      <c r="B13" s="15" t="s">
        <v>46</v>
      </c>
      <c r="C13" s="15" t="s">
        <v>47</v>
      </c>
      <c r="D13" s="10" t="s">
        <v>27</v>
      </c>
      <c r="E13" s="11">
        <v>30</v>
      </c>
      <c r="F13" s="11" t="s">
        <v>28</v>
      </c>
      <c r="G13" s="12" t="s">
        <v>29</v>
      </c>
      <c r="H13" s="12" t="s">
        <v>30</v>
      </c>
      <c r="I13" s="11">
        <v>1</v>
      </c>
      <c r="J13" s="6"/>
    </row>
    <row r="14" spans="1:10" ht="69" x14ac:dyDescent="0.25">
      <c r="A14" s="15" t="s">
        <v>31</v>
      </c>
      <c r="B14" s="15" t="s">
        <v>46</v>
      </c>
      <c r="C14" s="15" t="s">
        <v>48</v>
      </c>
      <c r="D14" s="10" t="s">
        <v>27</v>
      </c>
      <c r="E14" s="11">
        <v>30</v>
      </c>
      <c r="F14" s="11" t="s">
        <v>28</v>
      </c>
      <c r="G14" s="12" t="s">
        <v>29</v>
      </c>
      <c r="H14" s="12" t="s">
        <v>30</v>
      </c>
      <c r="I14" s="11">
        <v>1</v>
      </c>
      <c r="J14" s="6" t="s">
        <v>49</v>
      </c>
    </row>
    <row r="15" spans="1:10" ht="27.6" x14ac:dyDescent="0.25">
      <c r="A15" s="7" t="s">
        <v>50</v>
      </c>
      <c r="B15" s="7" t="s">
        <v>51</v>
      </c>
      <c r="C15" s="7" t="s">
        <v>52</v>
      </c>
      <c r="D15" s="7" t="s">
        <v>53</v>
      </c>
      <c r="E15" s="5">
        <v>9</v>
      </c>
      <c r="F15" s="5">
        <v>4</v>
      </c>
      <c r="G15" s="6" t="s">
        <v>29</v>
      </c>
      <c r="H15" s="6" t="s">
        <v>43</v>
      </c>
      <c r="I15" s="5"/>
      <c r="J15" s="6"/>
    </row>
    <row r="16" spans="1:10" ht="27.6" x14ac:dyDescent="0.25">
      <c r="A16" s="7" t="s">
        <v>54</v>
      </c>
      <c r="B16" s="7" t="s">
        <v>51</v>
      </c>
      <c r="C16" s="7" t="s">
        <v>55</v>
      </c>
      <c r="D16" s="7" t="s">
        <v>56</v>
      </c>
      <c r="E16" s="5">
        <v>9</v>
      </c>
      <c r="F16" s="5">
        <v>4</v>
      </c>
      <c r="G16" s="6" t="s">
        <v>57</v>
      </c>
      <c r="H16" s="6" t="s">
        <v>43</v>
      </c>
      <c r="I16" s="9"/>
      <c r="J16" s="13"/>
    </row>
    <row r="17" spans="1:10" ht="97.2" customHeight="1" x14ac:dyDescent="0.25">
      <c r="A17" s="7" t="s">
        <v>54</v>
      </c>
      <c r="B17" s="7" t="s">
        <v>58</v>
      </c>
      <c r="C17" s="7" t="s">
        <v>59</v>
      </c>
      <c r="D17" s="7" t="s">
        <v>53</v>
      </c>
      <c r="E17" s="5">
        <v>9</v>
      </c>
      <c r="F17" s="5">
        <v>1</v>
      </c>
      <c r="G17" s="6" t="s">
        <v>60</v>
      </c>
      <c r="H17" s="6"/>
      <c r="I17" s="5"/>
      <c r="J17" s="6" t="s">
        <v>61</v>
      </c>
    </row>
    <row r="18" spans="1:10" ht="27.6" x14ac:dyDescent="0.25">
      <c r="A18" s="7" t="s">
        <v>50</v>
      </c>
      <c r="B18" s="7" t="s">
        <v>58</v>
      </c>
      <c r="C18" s="7" t="s">
        <v>62</v>
      </c>
      <c r="D18" s="7" t="s">
        <v>56</v>
      </c>
      <c r="E18" s="5">
        <v>9</v>
      </c>
      <c r="F18" s="5">
        <v>4</v>
      </c>
      <c r="G18" s="6" t="s">
        <v>57</v>
      </c>
      <c r="H18" s="6" t="s">
        <v>43</v>
      </c>
      <c r="I18" s="9"/>
      <c r="J18" s="13"/>
    </row>
    <row r="19" spans="1:10" ht="111" customHeight="1" x14ac:dyDescent="0.25">
      <c r="A19" s="10" t="s">
        <v>63</v>
      </c>
      <c r="B19" s="10" t="s">
        <v>64</v>
      </c>
      <c r="C19" s="10" t="s">
        <v>65</v>
      </c>
      <c r="D19" s="10" t="s">
        <v>66</v>
      </c>
      <c r="E19" s="11">
        <v>49</v>
      </c>
      <c r="F19" s="11">
        <v>18</v>
      </c>
      <c r="G19" s="12" t="s">
        <v>67</v>
      </c>
      <c r="H19" s="12" t="s">
        <v>68</v>
      </c>
      <c r="I19" s="11">
        <v>1</v>
      </c>
      <c r="J19" s="6"/>
    </row>
    <row r="20" spans="1:10" ht="110.4" x14ac:dyDescent="0.25">
      <c r="A20" s="7" t="s">
        <v>69</v>
      </c>
      <c r="B20" s="7" t="s">
        <v>70</v>
      </c>
      <c r="C20" s="7" t="s">
        <v>71</v>
      </c>
      <c r="D20" s="7" t="s">
        <v>72</v>
      </c>
      <c r="E20" s="5">
        <v>60</v>
      </c>
      <c r="F20" s="5">
        <v>22</v>
      </c>
      <c r="G20" s="6" t="s">
        <v>73</v>
      </c>
      <c r="H20" s="6" t="s">
        <v>74</v>
      </c>
      <c r="I20" s="9"/>
      <c r="J20" s="6" t="s">
        <v>75</v>
      </c>
    </row>
    <row r="21" spans="1:10" ht="69" x14ac:dyDescent="0.25">
      <c r="A21" s="14" t="s">
        <v>9</v>
      </c>
      <c r="B21" s="14" t="s">
        <v>76</v>
      </c>
      <c r="C21" s="14" t="s">
        <v>77</v>
      </c>
      <c r="D21" s="7" t="s">
        <v>35</v>
      </c>
      <c r="E21" s="5">
        <v>25</v>
      </c>
      <c r="F21" s="5">
        <v>14</v>
      </c>
      <c r="G21" s="6" t="s">
        <v>36</v>
      </c>
      <c r="H21" s="6" t="s">
        <v>37</v>
      </c>
      <c r="I21" s="5"/>
      <c r="J21" s="6"/>
    </row>
    <row r="22" spans="1:10" ht="69" x14ac:dyDescent="0.25">
      <c r="A22" s="14" t="s">
        <v>9</v>
      </c>
      <c r="B22" s="14" t="s">
        <v>78</v>
      </c>
      <c r="C22" s="14" t="s">
        <v>79</v>
      </c>
      <c r="D22" s="7" t="s">
        <v>35</v>
      </c>
      <c r="E22" s="5">
        <v>25</v>
      </c>
      <c r="F22" s="5">
        <v>14</v>
      </c>
      <c r="G22" s="6" t="s">
        <v>36</v>
      </c>
      <c r="H22" s="6" t="s">
        <v>37</v>
      </c>
      <c r="I22" s="9"/>
      <c r="J22" s="13"/>
    </row>
    <row r="23" spans="1:10" ht="69" x14ac:dyDescent="0.25">
      <c r="A23" s="10" t="s">
        <v>24</v>
      </c>
      <c r="B23" s="10" t="s">
        <v>80</v>
      </c>
      <c r="C23" s="10" t="s">
        <v>81</v>
      </c>
      <c r="D23" s="10" t="s">
        <v>27</v>
      </c>
      <c r="E23" s="11">
        <v>30</v>
      </c>
      <c r="F23" s="11" t="s">
        <v>28</v>
      </c>
      <c r="G23" s="12" t="s">
        <v>29</v>
      </c>
      <c r="H23" s="12" t="s">
        <v>30</v>
      </c>
      <c r="I23" s="11">
        <v>1</v>
      </c>
      <c r="J23" s="6"/>
    </row>
    <row r="24" spans="1:10" ht="41.4" x14ac:dyDescent="0.25">
      <c r="A24" s="7" t="s">
        <v>31</v>
      </c>
      <c r="B24" s="7" t="s">
        <v>82</v>
      </c>
      <c r="C24" s="7" t="s">
        <v>83</v>
      </c>
      <c r="D24" s="7" t="s">
        <v>84</v>
      </c>
      <c r="E24" s="5">
        <v>83</v>
      </c>
      <c r="F24" s="5">
        <v>25</v>
      </c>
      <c r="G24" s="6" t="s">
        <v>85</v>
      </c>
      <c r="H24" s="6" t="s">
        <v>86</v>
      </c>
      <c r="I24" s="9"/>
      <c r="J24" s="13"/>
    </row>
    <row r="25" spans="1:10" ht="27.6" x14ac:dyDescent="0.25">
      <c r="A25" s="7" t="s">
        <v>24</v>
      </c>
      <c r="B25" s="7" t="s">
        <v>87</v>
      </c>
      <c r="C25" s="7" t="s">
        <v>88</v>
      </c>
      <c r="D25" s="7" t="s">
        <v>53</v>
      </c>
      <c r="E25" s="5">
        <v>9</v>
      </c>
      <c r="F25" s="5">
        <v>4</v>
      </c>
      <c r="G25" s="6" t="s">
        <v>29</v>
      </c>
      <c r="H25" s="6" t="s">
        <v>43</v>
      </c>
      <c r="I25" s="5"/>
      <c r="J25" s="6"/>
    </row>
    <row r="26" spans="1:10" ht="27.6" x14ac:dyDescent="0.25">
      <c r="A26" s="7" t="s">
        <v>24</v>
      </c>
      <c r="B26" s="7" t="s">
        <v>89</v>
      </c>
      <c r="C26" s="7" t="s">
        <v>90</v>
      </c>
      <c r="D26" s="7" t="s">
        <v>53</v>
      </c>
      <c r="E26" s="5">
        <v>9</v>
      </c>
      <c r="F26" s="5">
        <v>4</v>
      </c>
      <c r="G26" s="6" t="s">
        <v>29</v>
      </c>
      <c r="H26" s="6" t="s">
        <v>43</v>
      </c>
      <c r="I26" s="9"/>
      <c r="J26" s="13"/>
    </row>
    <row r="27" spans="1:10" ht="69" x14ac:dyDescent="0.25">
      <c r="A27" s="7" t="s">
        <v>24</v>
      </c>
      <c r="B27" s="16">
        <v>70.099999999999994</v>
      </c>
      <c r="C27" s="7" t="s">
        <v>91</v>
      </c>
      <c r="D27" s="7" t="s">
        <v>12</v>
      </c>
      <c r="E27" s="5">
        <v>15</v>
      </c>
      <c r="F27" s="8" t="s">
        <v>140</v>
      </c>
      <c r="G27" s="6" t="s">
        <v>13</v>
      </c>
      <c r="H27" s="6" t="s">
        <v>14</v>
      </c>
      <c r="I27" s="5"/>
      <c r="J27" s="6"/>
    </row>
    <row r="28" spans="1:10" ht="69" x14ac:dyDescent="0.25">
      <c r="A28" s="15" t="s">
        <v>24</v>
      </c>
      <c r="B28" s="15" t="s">
        <v>92</v>
      </c>
      <c r="C28" s="15" t="s">
        <v>93</v>
      </c>
      <c r="D28" s="10" t="s">
        <v>27</v>
      </c>
      <c r="E28" s="11">
        <v>30</v>
      </c>
      <c r="F28" s="11" t="s">
        <v>28</v>
      </c>
      <c r="G28" s="12" t="s">
        <v>29</v>
      </c>
      <c r="H28" s="12" t="s">
        <v>30</v>
      </c>
      <c r="I28" s="11">
        <v>1</v>
      </c>
      <c r="J28" s="13"/>
    </row>
    <row r="29" spans="1:10" ht="69" x14ac:dyDescent="0.25">
      <c r="A29" s="15" t="s">
        <v>31</v>
      </c>
      <c r="B29" s="15" t="s">
        <v>94</v>
      </c>
      <c r="C29" s="15" t="s">
        <v>95</v>
      </c>
      <c r="D29" s="10" t="s">
        <v>27</v>
      </c>
      <c r="E29" s="11">
        <v>30</v>
      </c>
      <c r="F29" s="11" t="s">
        <v>28</v>
      </c>
      <c r="G29" s="12" t="s">
        <v>29</v>
      </c>
      <c r="H29" s="12" t="s">
        <v>30</v>
      </c>
      <c r="I29" s="11">
        <v>1</v>
      </c>
      <c r="J29" s="6"/>
    </row>
    <row r="30" spans="1:10" ht="27.6" x14ac:dyDescent="0.25">
      <c r="A30" s="14" t="s">
        <v>24</v>
      </c>
      <c r="B30" s="14" t="s">
        <v>96</v>
      </c>
      <c r="C30" s="14" t="s">
        <v>97</v>
      </c>
      <c r="D30" s="7" t="s">
        <v>98</v>
      </c>
      <c r="E30" s="5">
        <v>30</v>
      </c>
      <c r="F30" s="5" t="s">
        <v>28</v>
      </c>
      <c r="G30" s="6" t="s">
        <v>42</v>
      </c>
      <c r="H30" s="6" t="s">
        <v>99</v>
      </c>
      <c r="I30" s="9"/>
      <c r="J30" s="13"/>
    </row>
    <row r="31" spans="1:10" ht="69" x14ac:dyDescent="0.25">
      <c r="A31" s="14" t="s">
        <v>9</v>
      </c>
      <c r="B31" s="14" t="s">
        <v>96</v>
      </c>
      <c r="C31" s="14" t="s">
        <v>100</v>
      </c>
      <c r="D31" s="7" t="s">
        <v>35</v>
      </c>
      <c r="E31" s="5">
        <v>25</v>
      </c>
      <c r="F31" s="5">
        <v>14</v>
      </c>
      <c r="G31" s="6" t="s">
        <v>36</v>
      </c>
      <c r="H31" s="6" t="s">
        <v>37</v>
      </c>
      <c r="I31" s="5"/>
      <c r="J31" s="6"/>
    </row>
    <row r="32" spans="1:10" ht="69" x14ac:dyDescent="0.25">
      <c r="A32" s="14" t="s">
        <v>9</v>
      </c>
      <c r="B32" s="14" t="s">
        <v>101</v>
      </c>
      <c r="C32" s="14" t="s">
        <v>102</v>
      </c>
      <c r="D32" s="7" t="s">
        <v>35</v>
      </c>
      <c r="E32" s="5">
        <v>25</v>
      </c>
      <c r="F32" s="5">
        <v>14</v>
      </c>
      <c r="G32" s="6" t="s">
        <v>36</v>
      </c>
      <c r="H32" s="6" t="s">
        <v>37</v>
      </c>
      <c r="I32" s="9"/>
      <c r="J32" s="13"/>
    </row>
    <row r="33" spans="1:10" ht="27.6" x14ac:dyDescent="0.25">
      <c r="A33" s="7" t="s">
        <v>24</v>
      </c>
      <c r="B33" s="7" t="s">
        <v>103</v>
      </c>
      <c r="C33" s="7" t="s">
        <v>104</v>
      </c>
      <c r="D33" s="7" t="s">
        <v>12</v>
      </c>
      <c r="E33" s="5">
        <v>15</v>
      </c>
      <c r="F33" s="8" t="s">
        <v>140</v>
      </c>
      <c r="G33" s="6" t="s">
        <v>42</v>
      </c>
      <c r="H33" s="6" t="s">
        <v>43</v>
      </c>
      <c r="I33" s="5"/>
      <c r="J33" s="6"/>
    </row>
    <row r="34" spans="1:10" ht="69" x14ac:dyDescent="0.25">
      <c r="A34" s="15" t="s">
        <v>31</v>
      </c>
      <c r="B34" s="15" t="s">
        <v>105</v>
      </c>
      <c r="C34" s="15" t="s">
        <v>106</v>
      </c>
      <c r="D34" s="10" t="s">
        <v>27</v>
      </c>
      <c r="E34" s="11">
        <v>30</v>
      </c>
      <c r="F34" s="11" t="s">
        <v>28</v>
      </c>
      <c r="G34" s="12" t="s">
        <v>29</v>
      </c>
      <c r="H34" s="12" t="s">
        <v>30</v>
      </c>
      <c r="I34" s="11">
        <v>1</v>
      </c>
      <c r="J34" s="13"/>
    </row>
    <row r="35" spans="1:10" ht="27.6" x14ac:dyDescent="0.25">
      <c r="A35" s="7" t="s">
        <v>50</v>
      </c>
      <c r="B35" s="7" t="s">
        <v>107</v>
      </c>
      <c r="C35" s="7" t="s">
        <v>108</v>
      </c>
      <c r="D35" s="7" t="s">
        <v>56</v>
      </c>
      <c r="E35" s="5">
        <v>9</v>
      </c>
      <c r="F35" s="5">
        <v>4</v>
      </c>
      <c r="G35" s="6" t="s">
        <v>57</v>
      </c>
      <c r="H35" s="6" t="s">
        <v>43</v>
      </c>
      <c r="I35" s="5"/>
      <c r="J35" s="6"/>
    </row>
    <row r="36" spans="1:10" ht="27.6" x14ac:dyDescent="0.25">
      <c r="A36" s="7" t="s">
        <v>54</v>
      </c>
      <c r="B36" s="7" t="s">
        <v>109</v>
      </c>
      <c r="C36" s="7" t="s">
        <v>110</v>
      </c>
      <c r="D36" s="7" t="s">
        <v>56</v>
      </c>
      <c r="E36" s="5">
        <v>9</v>
      </c>
      <c r="F36" s="5">
        <v>4</v>
      </c>
      <c r="G36" s="6" t="s">
        <v>57</v>
      </c>
      <c r="H36" s="6" t="s">
        <v>43</v>
      </c>
      <c r="I36" s="9"/>
      <c r="J36" s="13"/>
    </row>
    <row r="37" spans="1:10" ht="27.6" x14ac:dyDescent="0.25">
      <c r="A37" s="7" t="s">
        <v>50</v>
      </c>
      <c r="B37" s="7" t="s">
        <v>111</v>
      </c>
      <c r="C37" s="7" t="s">
        <v>112</v>
      </c>
      <c r="D37" s="7" t="s">
        <v>53</v>
      </c>
      <c r="E37" s="5">
        <v>9</v>
      </c>
      <c r="F37" s="5">
        <v>4</v>
      </c>
      <c r="G37" s="6" t="s">
        <v>29</v>
      </c>
      <c r="H37" s="6" t="s">
        <v>43</v>
      </c>
      <c r="I37" s="5"/>
      <c r="J37" s="6"/>
    </row>
    <row r="38" spans="1:10" ht="27.6" x14ac:dyDescent="0.25">
      <c r="A38" s="14" t="s">
        <v>24</v>
      </c>
      <c r="B38" s="14" t="s">
        <v>113</v>
      </c>
      <c r="C38" s="14" t="s">
        <v>114</v>
      </c>
      <c r="D38" s="7" t="s">
        <v>98</v>
      </c>
      <c r="E38" s="5">
        <v>30</v>
      </c>
      <c r="F38" s="5" t="s">
        <v>28</v>
      </c>
      <c r="G38" s="6" t="s">
        <v>42</v>
      </c>
      <c r="H38" s="6" t="s">
        <v>99</v>
      </c>
      <c r="I38" s="9"/>
      <c r="J38" s="13"/>
    </row>
    <row r="39" spans="1:10" ht="69" x14ac:dyDescent="0.25">
      <c r="A39" s="14" t="s">
        <v>9</v>
      </c>
      <c r="B39" s="14" t="s">
        <v>115</v>
      </c>
      <c r="C39" s="14" t="s">
        <v>116</v>
      </c>
      <c r="D39" s="7" t="s">
        <v>35</v>
      </c>
      <c r="E39" s="5">
        <v>25</v>
      </c>
      <c r="F39" s="5">
        <v>14</v>
      </c>
      <c r="G39" s="6" t="s">
        <v>36</v>
      </c>
      <c r="H39" s="6" t="s">
        <v>37</v>
      </c>
      <c r="I39" s="5"/>
      <c r="J39" s="6"/>
    </row>
    <row r="40" spans="1:10" ht="69" x14ac:dyDescent="0.25">
      <c r="A40" s="14" t="s">
        <v>9</v>
      </c>
      <c r="B40" s="14" t="s">
        <v>117</v>
      </c>
      <c r="C40" s="14" t="s">
        <v>118</v>
      </c>
      <c r="D40" s="7" t="s">
        <v>35</v>
      </c>
      <c r="E40" s="5">
        <v>25</v>
      </c>
      <c r="F40" s="5">
        <v>14</v>
      </c>
      <c r="G40" s="6" t="s">
        <v>36</v>
      </c>
      <c r="H40" s="6" t="s">
        <v>37</v>
      </c>
      <c r="I40" s="9"/>
      <c r="J40" s="13"/>
    </row>
    <row r="41" spans="1:10" ht="27.6" x14ac:dyDescent="0.25">
      <c r="A41" s="7" t="s">
        <v>24</v>
      </c>
      <c r="B41" s="7" t="s">
        <v>119</v>
      </c>
      <c r="C41" s="7" t="s">
        <v>120</v>
      </c>
      <c r="D41" s="7" t="s">
        <v>121</v>
      </c>
      <c r="E41" s="5">
        <v>83</v>
      </c>
      <c r="F41" s="5">
        <v>40</v>
      </c>
      <c r="G41" s="6" t="s">
        <v>122</v>
      </c>
      <c r="H41" s="6"/>
      <c r="I41" s="5"/>
      <c r="J41" s="6" t="s">
        <v>123</v>
      </c>
    </row>
    <row r="42" spans="1:10" ht="69" x14ac:dyDescent="0.25">
      <c r="A42" s="14" t="s">
        <v>124</v>
      </c>
      <c r="B42" s="14" t="s">
        <v>125</v>
      </c>
      <c r="C42" s="14" t="s">
        <v>126</v>
      </c>
      <c r="D42" s="7" t="s">
        <v>27</v>
      </c>
      <c r="E42" s="5">
        <v>30</v>
      </c>
      <c r="F42" s="5" t="s">
        <v>28</v>
      </c>
      <c r="G42" s="6" t="s">
        <v>127</v>
      </c>
      <c r="H42" s="6" t="s">
        <v>30</v>
      </c>
      <c r="I42" s="9"/>
      <c r="J42" s="6" t="s">
        <v>123</v>
      </c>
    </row>
    <row r="43" spans="1:10" ht="69" x14ac:dyDescent="0.25">
      <c r="A43" s="14" t="s">
        <v>9</v>
      </c>
      <c r="B43" s="14" t="s">
        <v>128</v>
      </c>
      <c r="C43" s="14" t="s">
        <v>129</v>
      </c>
      <c r="D43" s="7" t="s">
        <v>35</v>
      </c>
      <c r="E43" s="5">
        <v>25</v>
      </c>
      <c r="F43" s="5">
        <v>14</v>
      </c>
      <c r="G43" s="6" t="s">
        <v>36</v>
      </c>
      <c r="H43" s="6" t="s">
        <v>37</v>
      </c>
      <c r="I43" s="5"/>
      <c r="J43" s="6"/>
    </row>
    <row r="44" spans="1:10" ht="55.2" x14ac:dyDescent="0.25">
      <c r="A44" s="7" t="s">
        <v>124</v>
      </c>
      <c r="B44" s="7" t="s">
        <v>130</v>
      </c>
      <c r="C44" s="9"/>
      <c r="D44" s="7" t="s">
        <v>131</v>
      </c>
      <c r="E44" s="5">
        <v>100</v>
      </c>
      <c r="F44" s="5">
        <v>100</v>
      </c>
      <c r="G44" s="6" t="s">
        <v>132</v>
      </c>
      <c r="H44" s="13"/>
      <c r="I44" s="9"/>
      <c r="J44" s="6" t="s">
        <v>133</v>
      </c>
    </row>
    <row r="45" spans="1:10" ht="138" x14ac:dyDescent="0.25">
      <c r="A45" s="10" t="s">
        <v>24</v>
      </c>
      <c r="B45" s="10" t="s">
        <v>134</v>
      </c>
      <c r="C45" s="10" t="s">
        <v>135</v>
      </c>
      <c r="D45" s="10" t="s">
        <v>136</v>
      </c>
      <c r="E45" s="11">
        <v>98.5</v>
      </c>
      <c r="F45" s="11">
        <v>24</v>
      </c>
      <c r="G45" s="12" t="s">
        <v>137</v>
      </c>
      <c r="H45" s="12" t="s">
        <v>138</v>
      </c>
      <c r="I45" s="11">
        <v>1</v>
      </c>
      <c r="J45" s="6" t="s">
        <v>139</v>
      </c>
    </row>
    <row r="46" spans="1:10" ht="14.4" x14ac:dyDescent="0.25">
      <c r="A46" s="3"/>
    </row>
    <row r="47" spans="1:10" x14ac:dyDescent="0.25">
      <c r="A47" t="s">
        <v>142</v>
      </c>
    </row>
  </sheetData>
  <autoFilter ref="A1:J45" xr:uid="{EE942774-4FA8-4DB9-ACB7-61C81F9E1DC2}"/>
  <mergeCells count="2">
    <mergeCell ref="A2:C2"/>
    <mergeCell ref="A3:B3"/>
  </mergeCells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oo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2EA6D85-E46E-4C0A-BEA4-CBE991220F99}">
  <ds:schemaRefs/>
</ds:datastoreItem>
</file>

<file path=customXml/itemProps2.xml><?xml version="1.0" encoding="utf-8"?>
<ds:datastoreItem xmlns:ds="http://schemas.openxmlformats.org/officeDocument/2006/customXml" ds:itemID="{0EB8A4D0-2978-4CC7-A263-CA3830AE943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Ark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orthe Majlund Sørensen</dc:creator>
  <cp:lastModifiedBy>Dorthe Majlund Sørensen</cp:lastModifiedBy>
  <dcterms:created xsi:type="dcterms:W3CDTF">2023-08-11T06:23:36Z</dcterms:created>
  <dcterms:modified xsi:type="dcterms:W3CDTF">2023-08-11T08:57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10548563422675</vt:lpwstr>
  </property>
  <property fmtid="{D5CDD505-2E9C-101B-9397-08002B2CF9AE}" pid="4" name="TemplafyUserProfileId">
    <vt:lpwstr>63783041016160323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